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5-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5-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tynaarlo/"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Graphics, Lettertype, logo&#10;&#10;Automatisch gegenereerde beschrijving">
            <a:extLst>
              <a:ext uri="{FF2B5EF4-FFF2-40B4-BE49-F238E27FC236}">
                <a16:creationId xmlns:a16="http://schemas.microsoft.com/office/drawing/2014/main" id="{0B115B10-4CC3-D8C2-682A-848DF94F9F0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7213" y="4560411"/>
            <a:ext cx="1901842"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Graphics, Lettertype, logo&#10;&#10;Automatisch gegenereerde beschrijving">
            <a:extLst>
              <a:ext uri="{FF2B5EF4-FFF2-40B4-BE49-F238E27FC236}">
                <a16:creationId xmlns:a16="http://schemas.microsoft.com/office/drawing/2014/main" id="{C90F6F20-B93E-771D-A928-B96B614E67F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7956" y="3857311"/>
            <a:ext cx="1322070"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2-05T11:24:48Z</dcterms:modified>
</cp:coreProperties>
</file>